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FFFFF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D37BBCE-4995-429E-888B-EABC9F4CEEEE}" v="7" dt="2024-01-15T11:03:44.13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59" d="100"/>
          <a:sy n="159" d="100"/>
        </p:scale>
        <p:origin x="456" y="13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5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/1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wings-of-change-middle-east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66753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ME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OCME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2EB2A5A-FE50-9F8E-6A48-7F1BC924A97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35642" y="3655274"/>
            <a:ext cx="4720716" cy="26509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F5B53E-D7D2-46CB-944E-10F2C7870BB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86e16ca4-215f-4354-b2b5-4fac53992da1"/>
    <ds:schemaRef ds:uri="http://purl.org/dc/terms/"/>
    <ds:schemaRef ds:uri="http://schemas.microsoft.com/office/2006/documentManagement/types"/>
    <ds:schemaRef ds:uri="4ffaaae9-dc8c-459f-a92e-1529c78bcbdb"/>
    <ds:schemaRef ds:uri="da655568-1247-43c7-b5ce-0d71de2fb494"/>
    <ds:schemaRef ds:uri="http://purl.org/dc/elements/1.1/"/>
    <ds:schemaRef ds:uri="http://www.w3.org/XML/1998/namespace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5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Nataly Echezuria</cp:lastModifiedBy>
  <cp:revision>2</cp:revision>
  <dcterms:created xsi:type="dcterms:W3CDTF">2023-06-13T12:34:15Z</dcterms:created>
  <dcterms:modified xsi:type="dcterms:W3CDTF">2024-01-15T11:04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